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docMetadata/LabelInfo.xml" ContentType="application/vnd.ms-office.classificationlabel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5" Type="http://schemas.microsoft.com/office/2020/02/relationships/classificationlabels" Target="docMetadata/LabelInfo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6EFAB6AA" w14:textId="79763B30" w:rsidR="00EC7466" w:rsidRDefault="00DE0DC8" w:rsidP="00EC7466">
      <w:pPr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 xml:space="preserve">Otolaryngology </w:t>
      </w:r>
      <w:r w:rsidR="00EC7466" w:rsidRPr="00B01E8F">
        <w:rPr>
          <w:rFonts w:ascii="Times New Roman" w:hAnsi="Times New Roman" w:cs="Times New Roman"/>
          <w:b/>
          <w:bCs/>
          <w:sz w:val="24"/>
          <w:szCs w:val="24"/>
        </w:rPr>
        <w:t xml:space="preserve">Clinical Research </w:t>
      </w:r>
      <w:r>
        <w:rPr>
          <w:rFonts w:ascii="Times New Roman" w:hAnsi="Times New Roman" w:cs="Times New Roman"/>
          <w:b/>
          <w:bCs/>
          <w:sz w:val="24"/>
          <w:szCs w:val="24"/>
        </w:rPr>
        <w:t xml:space="preserve">Pathway </w:t>
      </w:r>
      <w:r w:rsidR="00EC7466" w:rsidRPr="00B01E8F">
        <w:rPr>
          <w:rFonts w:ascii="Times New Roman" w:hAnsi="Times New Roman" w:cs="Times New Roman"/>
          <w:b/>
          <w:bCs/>
          <w:sz w:val="24"/>
          <w:szCs w:val="24"/>
        </w:rPr>
        <w:t>Fellowship</w:t>
      </w:r>
      <w:r w:rsidR="00B955BC">
        <w:rPr>
          <w:rFonts w:ascii="Times New Roman" w:hAnsi="Times New Roman" w:cs="Times New Roman"/>
          <w:b/>
          <w:bCs/>
          <w:sz w:val="24"/>
          <w:szCs w:val="24"/>
        </w:rPr>
        <w:t xml:space="preserve"> </w:t>
      </w:r>
      <w:r>
        <w:rPr>
          <w:rFonts w:ascii="Times New Roman" w:hAnsi="Times New Roman" w:cs="Times New Roman"/>
          <w:b/>
          <w:bCs/>
          <w:sz w:val="24"/>
          <w:szCs w:val="24"/>
        </w:rPr>
        <w:t>Application</w:t>
      </w:r>
      <w:r w:rsidRPr="00B01E8F">
        <w:rPr>
          <w:rFonts w:ascii="Times New Roman" w:hAnsi="Times New Roman" w:cs="Times New Roman"/>
          <w:b/>
          <w:bCs/>
          <w:sz w:val="24"/>
          <w:szCs w:val="24"/>
        </w:rPr>
        <w:t xml:space="preserve"> </w:t>
      </w:r>
    </w:p>
    <w:p w14:paraId="1595B26C" w14:textId="77777777" w:rsidR="00A17531" w:rsidRDefault="00A17531" w:rsidP="00EC7466">
      <w:pPr>
        <w:jc w:val="center"/>
        <w:rPr>
          <w:rFonts w:ascii="Times New Roman" w:hAnsi="Times New Roman" w:cs="Times New Roman"/>
          <w:b/>
          <w:bCs/>
          <w:sz w:val="24"/>
          <w:szCs w:val="24"/>
        </w:rPr>
      </w:pPr>
    </w:p>
    <w:p w14:paraId="32449688" w14:textId="5DFAE4C8" w:rsidR="00EC7466" w:rsidRDefault="00EC7466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Date: ___________________</w:t>
      </w:r>
    </w:p>
    <w:p w14:paraId="0C4FA565" w14:textId="77777777" w:rsidR="00EC7466" w:rsidRDefault="00EC7466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Last Name: _____________________ First Name: ___________________ MI: _______</w:t>
      </w:r>
    </w:p>
    <w:p w14:paraId="6688B9D4" w14:textId="77777777" w:rsidR="00EC7466" w:rsidRDefault="00EC7466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Title: ___________________________________________________________________</w:t>
      </w:r>
    </w:p>
    <w:p w14:paraId="264DE551" w14:textId="77777777" w:rsidR="00EC7466" w:rsidRDefault="00EC7466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Date of Birth:   Month: </w:t>
      </w:r>
      <w:proofErr w:type="gramStart"/>
      <w:r>
        <w:rPr>
          <w:rFonts w:ascii="Times New Roman" w:hAnsi="Times New Roman" w:cs="Times New Roman"/>
          <w:sz w:val="24"/>
          <w:szCs w:val="24"/>
        </w:rPr>
        <w:t xml:space="preserve">_______ Day: </w:t>
      </w:r>
      <w:proofErr w:type="gramEnd"/>
      <w:r>
        <w:rPr>
          <w:rFonts w:ascii="Times New Roman" w:hAnsi="Times New Roman" w:cs="Times New Roman"/>
          <w:sz w:val="24"/>
          <w:szCs w:val="24"/>
        </w:rPr>
        <w:t>_______ Year: _______</w:t>
      </w:r>
    </w:p>
    <w:p w14:paraId="15630C1A" w14:textId="77777777" w:rsidR="00EC7466" w:rsidRDefault="00EC7466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Mailing Address: _________________________________________________________</w:t>
      </w:r>
    </w:p>
    <w:p w14:paraId="13D3F35A" w14:textId="77777777" w:rsidR="00EC7466" w:rsidRDefault="00EC7466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 xml:space="preserve">   __________________________________________________________</w:t>
      </w:r>
    </w:p>
    <w:p w14:paraId="452B761F" w14:textId="77777777" w:rsidR="00EC7466" w:rsidRDefault="00EC7466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Cell Phone: _____________________   Work Phone: ____________________________</w:t>
      </w:r>
    </w:p>
    <w:p w14:paraId="2F5F6678" w14:textId="77777777" w:rsidR="00EC7466" w:rsidRDefault="00EC7466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Email Address: ___________________________________________________________</w:t>
      </w:r>
    </w:p>
    <w:p w14:paraId="79EACFF3" w14:textId="762B3FB9" w:rsidR="00EC7466" w:rsidRDefault="00EC7466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Current Position: __________________________________________________________</w:t>
      </w:r>
    </w:p>
    <w:p w14:paraId="104D4A65" w14:textId="20DC55C6" w:rsidR="00F66986" w:rsidRDefault="00F66986" w:rsidP="00EC7466">
      <w:pPr>
        <w:rPr>
          <w:rFonts w:ascii="Times New Roman" w:hAnsi="Times New Roman" w:cs="Times New Roman"/>
          <w:sz w:val="24"/>
          <w:szCs w:val="24"/>
        </w:rPr>
      </w:pPr>
      <w:r w:rsidRPr="00B01E8F">
        <w:rPr>
          <w:rFonts w:ascii="Times New Roman" w:hAnsi="Times New Roman" w:cs="Times New Roman"/>
          <w:noProof/>
          <w:color w:val="FFFFFF" w:themeColor="background1"/>
          <w:sz w:val="24"/>
          <w:szCs w:val="24"/>
        </w:rPr>
        <mc:AlternateContent>
          <mc:Choice Requires="wps">
            <w:drawing>
              <wp:anchor distT="0" distB="0" distL="114300" distR="114300" simplePos="0" relativeHeight="251658241" behindDoc="0" locked="0" layoutInCell="1" allowOverlap="1" wp14:anchorId="52A393F9" wp14:editId="5CB43F91">
                <wp:simplePos x="0" y="0"/>
                <wp:positionH relativeFrom="column">
                  <wp:posOffset>2284730</wp:posOffset>
                </wp:positionH>
                <wp:positionV relativeFrom="paragraph">
                  <wp:posOffset>6985</wp:posOffset>
                </wp:positionV>
                <wp:extent cx="257175" cy="161925"/>
                <wp:effectExtent l="0" t="0" r="28575" b="28575"/>
                <wp:wrapNone/>
                <wp:docPr id="1977250573" name="Oval 1977250573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/>
                      <wps:spPr>
                        <a:xfrm>
                          <a:off x="0" y="0"/>
                          <a:ext cx="257175" cy="161925"/>
                        </a:xfrm>
                        <a:prstGeom prst="ellipse">
                          <a:avLst/>
                        </a:prstGeom>
                        <a:noFill/>
                      </wps:spPr>
                      <wps:style>
                        <a:lnRef idx="2">
                          <a:schemeClr val="accent1">
                            <a:shade val="50000"/>
                          </a:schemeClr>
                        </a:lnRef>
                        <a:fillRef idx="1">
                          <a:schemeClr val="accent1"/>
                        </a:fillRef>
                        <a:effectRef idx="0">
                          <a:schemeClr val="accent1"/>
                        </a:effectRef>
                        <a:fontRef idx="minor">
                          <a:schemeClr val="lt1"/>
                        </a:fontRef>
                      </wps:style>
                      <wps:bodyPr rot="0" spcFirstLastPara="0" vertOverflow="overflow" horzOverflow="overflow" vert="horz" wrap="square" lIns="91440" tIns="45720" rIns="91440" bIns="45720" numCol="1" spcCol="0" rtlCol="0" fromWordArt="0" anchor="ctr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oval w14:anchorId="7C3DB00A" id="Oval 1977250573" o:spid="_x0000_s1026" style="position:absolute;margin-left:179.9pt;margin-top:.55pt;width:20.25pt;height:12.75pt;z-index:251658241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middle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" filled="f" strokecolor="#1f3763 [1604]" strokeweight="1pt">
                <v:stroke joinstyle="miter"/>
              </v:oval>
            </w:pict>
          </mc:Fallback>
        </mc:AlternateContent>
      </w:r>
      <w:r w:rsidRPr="00B01E8F">
        <w:rPr>
          <w:rFonts w:ascii="Times New Roman" w:hAnsi="Times New Roman" w:cs="Times New Roman"/>
          <w:noProof/>
          <w:color w:val="FFFFFF" w:themeColor="background1"/>
          <w:sz w:val="24"/>
          <w:szCs w:val="24"/>
        </w:rPr>
        <mc:AlternateContent>
          <mc:Choice Requires="wps">
            <w:drawing>
              <wp:anchor distT="0" distB="0" distL="114300" distR="114300" simplePos="0" relativeHeight="251658240" behindDoc="0" locked="0" layoutInCell="1" allowOverlap="1" wp14:anchorId="4C983BC6" wp14:editId="3745475A">
                <wp:simplePos x="0" y="0"/>
                <wp:positionH relativeFrom="column">
                  <wp:posOffset>1515608</wp:posOffset>
                </wp:positionH>
                <wp:positionV relativeFrom="paragraph">
                  <wp:posOffset>6985</wp:posOffset>
                </wp:positionV>
                <wp:extent cx="276225" cy="152400"/>
                <wp:effectExtent l="0" t="0" r="28575" b="19050"/>
                <wp:wrapNone/>
                <wp:docPr id="1668379388" name="Oval 1668379388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/>
                      <wps:spPr>
                        <a:xfrm>
                          <a:off x="0" y="0"/>
                          <a:ext cx="276225" cy="152400"/>
                        </a:xfrm>
                        <a:prstGeom prst="ellipse">
                          <a:avLst/>
                        </a:prstGeom>
                        <a:noFill/>
                      </wps:spPr>
                      <wps:style>
                        <a:lnRef idx="2">
                          <a:schemeClr val="accent1">
                            <a:shade val="50000"/>
                          </a:schemeClr>
                        </a:lnRef>
                        <a:fillRef idx="1">
                          <a:schemeClr val="accent1"/>
                        </a:fillRef>
                        <a:effectRef idx="0">
                          <a:schemeClr val="accent1"/>
                        </a:effectRef>
                        <a:fontRef idx="minor">
                          <a:schemeClr val="lt1"/>
                        </a:fontRef>
                      </wps:style>
                      <wps:bodyPr rot="0" spcFirstLastPara="0" vertOverflow="overflow" horzOverflow="overflow" vert="horz" wrap="square" lIns="91440" tIns="45720" rIns="91440" bIns="45720" numCol="1" spcCol="0" rtlCol="0" fromWordArt="0" anchor="ctr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  <wp14:sizeRelV relativeFrom="margin">
                  <wp14:pctHeight>0</wp14:pctHeight>
                </wp14:sizeRelV>
              </wp:anchor>
            </w:drawing>
          </mc:Choice>
          <mc:Fallback>
            <w:pict>
              <v:oval w14:anchorId="611F932A" id="Oval 1668379388" o:spid="_x0000_s1026" style="position:absolute;margin-left:119.35pt;margin-top:.55pt;width:21.75pt;height:12pt;z-index:251658240;visibility:visible;mso-wrap-style:square;mso-height-percent:0;mso-wrap-distance-left:9pt;mso-wrap-distance-top:0;mso-wrap-distance-right:9pt;mso-wrap-distance-bottom:0;mso-position-horizontal:absolute;mso-position-horizontal-relative:text;mso-position-vertical:absolute;mso-position-vertical-relative:text;mso-height-percent:0;mso-height-relative:margin;v-text-anchor:middle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" filled="f" strokecolor="#1f3763 [1604]" strokeweight="1pt">
                <v:stroke joinstyle="miter"/>
              </v:oval>
            </w:pict>
          </mc:Fallback>
        </mc:AlternateContent>
      </w:r>
      <w:r>
        <w:rPr>
          <w:rFonts w:ascii="Times New Roman" w:hAnsi="Times New Roman" w:cs="Times New Roman"/>
          <w:sz w:val="24"/>
          <w:szCs w:val="24"/>
        </w:rPr>
        <w:t>Permanent US Citizen:             Yes</w:t>
      </w:r>
      <w:r w:rsidRPr="00F66986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            No</w:t>
      </w:r>
    </w:p>
    <w:p w14:paraId="53F4297C" w14:textId="77777777" w:rsidR="000931DF" w:rsidRDefault="000931DF" w:rsidP="00EC7466">
      <w:pPr>
        <w:rPr>
          <w:rFonts w:ascii="Times New Roman" w:hAnsi="Times New Roman" w:cs="Times New Roman"/>
          <w:sz w:val="24"/>
          <w:szCs w:val="24"/>
        </w:rPr>
      </w:pPr>
    </w:p>
    <w:p w14:paraId="7697F70C" w14:textId="38C1D98B" w:rsidR="00771542" w:rsidRPr="00771542" w:rsidRDefault="00EC7466" w:rsidP="00EC7466">
      <w:pPr>
        <w:rPr>
          <w:rFonts w:ascii="Times New Roman" w:hAnsi="Times New Roman" w:cs="Times New Roman"/>
          <w:b/>
          <w:bCs/>
          <w:sz w:val="24"/>
          <w:szCs w:val="24"/>
        </w:rPr>
      </w:pPr>
      <w:r w:rsidRPr="00771542">
        <w:rPr>
          <w:rFonts w:ascii="Times New Roman" w:hAnsi="Times New Roman" w:cs="Times New Roman"/>
          <w:b/>
          <w:bCs/>
          <w:sz w:val="24"/>
          <w:szCs w:val="24"/>
        </w:rPr>
        <w:t>Reference</w:t>
      </w:r>
      <w:r w:rsidR="00771542" w:rsidRPr="00771542">
        <w:rPr>
          <w:rFonts w:ascii="Times New Roman" w:hAnsi="Times New Roman" w:cs="Times New Roman"/>
          <w:b/>
          <w:bCs/>
          <w:sz w:val="24"/>
          <w:szCs w:val="24"/>
        </w:rPr>
        <w:t>s:</w:t>
      </w:r>
    </w:p>
    <w:p w14:paraId="7FC37F33" w14:textId="78005136" w:rsidR="00771542" w:rsidRDefault="00771542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Full Name: _______________________________________________________________</w:t>
      </w:r>
    </w:p>
    <w:p w14:paraId="228A1036" w14:textId="4CB98B85" w:rsidR="00771542" w:rsidRDefault="00771542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Title: _______________________ Institution: ___________________________________</w:t>
      </w:r>
    </w:p>
    <w:p w14:paraId="052A3B2C" w14:textId="7A258B69" w:rsidR="00771542" w:rsidRDefault="00771542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Phone Number: ___________________________________________________________</w:t>
      </w:r>
    </w:p>
    <w:p w14:paraId="0D623BBA" w14:textId="601E0E81" w:rsidR="00771542" w:rsidRDefault="00771542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Address: _________________________________________________________________</w:t>
      </w:r>
    </w:p>
    <w:p w14:paraId="7C1F48BF" w14:textId="7D44A5A4" w:rsidR="00771542" w:rsidRDefault="00771542" w:rsidP="00EC7466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Email: ___________________________________________________________________</w:t>
      </w:r>
    </w:p>
    <w:p w14:paraId="2C4D036C" w14:textId="77777777" w:rsidR="007226C0" w:rsidRDefault="007226C0" w:rsidP="00771542">
      <w:pPr>
        <w:rPr>
          <w:rFonts w:ascii="Times New Roman" w:hAnsi="Times New Roman" w:cs="Times New Roman"/>
          <w:sz w:val="24"/>
          <w:szCs w:val="24"/>
        </w:rPr>
      </w:pPr>
    </w:p>
    <w:p w14:paraId="57F40573" w14:textId="550E9A94" w:rsidR="00771542" w:rsidRDefault="00771542" w:rsidP="00771542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Full Name: _______________________________________________________________</w:t>
      </w:r>
    </w:p>
    <w:p w14:paraId="47820350" w14:textId="77777777" w:rsidR="00771542" w:rsidRDefault="00771542" w:rsidP="00771542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Title: _______________________ Institution: ___________________________________</w:t>
      </w:r>
    </w:p>
    <w:p w14:paraId="61C5FB89" w14:textId="77777777" w:rsidR="00771542" w:rsidRDefault="00771542" w:rsidP="00771542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Phone Number: ___________________________________________________________</w:t>
      </w:r>
    </w:p>
    <w:p w14:paraId="034FB10E" w14:textId="77777777" w:rsidR="00771542" w:rsidRDefault="00771542" w:rsidP="00771542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Address: _________________________________________________________________</w:t>
      </w:r>
    </w:p>
    <w:p w14:paraId="51A40922" w14:textId="5223012C" w:rsidR="00A750C5" w:rsidRPr="00A750C5" w:rsidRDefault="00771542" w:rsidP="00A750C5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Email: ___________________________________________________________________</w:t>
      </w:r>
    </w:p>
    <w:sectPr w:rsidR="00A750C5" w:rsidRPr="00A750C5">
      <w:headerReference w:type="default" r:id="rId9"/>
      <w:footerReference w:type="default" r:id="rId10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4D4481F2" w14:textId="77777777" w:rsidR="001F3D52" w:rsidRDefault="001F3D52" w:rsidP="00A750C5">
      <w:pPr>
        <w:spacing w:after="0" w:line="240" w:lineRule="auto"/>
      </w:pPr>
      <w:r>
        <w:separator/>
      </w:r>
    </w:p>
  </w:endnote>
  <w:endnote w:type="continuationSeparator" w:id="0">
    <w:p w14:paraId="431652A1" w14:textId="77777777" w:rsidR="001F3D52" w:rsidRDefault="001F3D52" w:rsidP="00A750C5">
      <w:pPr>
        <w:spacing w:after="0" w:line="240" w:lineRule="auto"/>
      </w:pPr>
      <w:r>
        <w:continuationSeparator/>
      </w:r>
    </w:p>
  </w:endnote>
  <w:endnote w:type="continuationNotice" w:id="1">
    <w:p w14:paraId="4BBA04E9" w14:textId="77777777" w:rsidR="001F3D52" w:rsidRDefault="001F3D52">
      <w:pPr>
        <w:spacing w:after="0" w:line="240" w:lineRule="auto"/>
      </w:pP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Normal">
    <w:altName w:val="Cambria"/>
    <w:charset w:val="00"/>
    <w:family w:val="roman"/>
    <w:pitch w:val="default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096FC00" w14:textId="77777777" w:rsidR="00360D92" w:rsidRDefault="00360D92">
    <w:pPr>
      <w:pStyle w:val="Footer"/>
    </w:pPr>
  </w:p>
  <w:p w14:paraId="13B2361F" w14:textId="22F38B1D" w:rsidR="00360D92" w:rsidRDefault="000F07F7" w:rsidP="00360D92">
    <w:pPr>
      <w:pStyle w:val="Footer"/>
    </w:pPr>
    <w:fldSimple w:instr=" DOCPROPERTY iManageFooter \* MERGEFORMAT ">
      <w:r w:rsidRPr="004C2392">
        <w:rPr>
          <w:rFonts w:ascii="Normal" w:hAnsi="Normal"/>
          <w:sz w:val="16"/>
        </w:rPr>
        <w:t>#5225305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3D97CECF" w14:textId="77777777" w:rsidR="001F3D52" w:rsidRDefault="001F3D52" w:rsidP="00A750C5">
      <w:pPr>
        <w:spacing w:after="0" w:line="240" w:lineRule="auto"/>
      </w:pPr>
      <w:r>
        <w:separator/>
      </w:r>
    </w:p>
  </w:footnote>
  <w:footnote w:type="continuationSeparator" w:id="0">
    <w:p w14:paraId="1C3FCAC0" w14:textId="77777777" w:rsidR="001F3D52" w:rsidRDefault="001F3D52" w:rsidP="00A750C5">
      <w:pPr>
        <w:spacing w:after="0" w:line="240" w:lineRule="auto"/>
      </w:pPr>
      <w:r>
        <w:continuationSeparator/>
      </w:r>
    </w:p>
  </w:footnote>
  <w:footnote w:type="continuationNotice" w:id="1">
    <w:p w14:paraId="1F005E7A" w14:textId="77777777" w:rsidR="001F3D52" w:rsidRDefault="001F3D52">
      <w:pPr>
        <w:spacing w:after="0" w:line="240" w:lineRule="auto"/>
      </w:pP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A4AB7B3" w14:textId="127FF6FC" w:rsidR="003F0980" w:rsidRDefault="003F0980">
    <w:pPr>
      <w:pStyle w:val="Header"/>
    </w:pPr>
    <w:r>
      <w:rPr>
        <w:noProof/>
      </w:rPr>
      <w:drawing>
        <wp:inline distT="0" distB="0" distL="0" distR="0" wp14:anchorId="549674D4" wp14:editId="2B0CCE3F">
          <wp:extent cx="752475" cy="819150"/>
          <wp:effectExtent l="0" t="0" r="0" b="0"/>
          <wp:docPr id="1" name="Picture 1" descr="MC_stack_blk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MC_stack_blk"/>
                  <pic:cNvPicPr>
                    <a:picLocks noChangeAspect="1" noChangeArrowheads="1"/>
                  </pic:cNvPicPr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752475" cy="81915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14:paraId="787AD1DF" w14:textId="77777777" w:rsidR="003F0980" w:rsidRDefault="003F0980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C612330"/>
    <w:multiLevelType w:val="hybridMultilevel"/>
    <w:tmpl w:val="5F300DEE"/>
    <w:lvl w:ilvl="0" w:tplc="0409000B">
      <w:start w:val="1"/>
      <w:numFmt w:val="bullet"/>
      <w:lvlText w:val=""/>
      <w:lvlJc w:val="left"/>
      <w:pPr>
        <w:ind w:left="720" w:hanging="360"/>
      </w:pPr>
      <w:rPr>
        <w:rFonts w:ascii="Wingdings" w:hAnsi="Wingdings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13FC6821"/>
    <w:multiLevelType w:val="hybridMultilevel"/>
    <w:tmpl w:val="011CE09C"/>
    <w:lvl w:ilvl="0" w:tplc="0409000B">
      <w:start w:val="1"/>
      <w:numFmt w:val="bullet"/>
      <w:lvlText w:val=""/>
      <w:lvlJc w:val="left"/>
      <w:pPr>
        <w:ind w:left="720" w:hanging="360"/>
      </w:pPr>
      <w:rPr>
        <w:rFonts w:ascii="Wingdings" w:hAnsi="Wingdings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15E94D39"/>
    <w:multiLevelType w:val="hybridMultilevel"/>
    <w:tmpl w:val="9D46104C"/>
    <w:lvl w:ilvl="0" w:tplc="8C88A036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1" w:tplc="AE9E96C0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2" w:tplc="AFB68B70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3" w:tplc="E208DBC8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4" w:tplc="3A068AEC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5" w:tplc="F6DAC936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6" w:tplc="97F06CD6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7" w:tplc="BFDE3070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8" w:tplc="8FD43F72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</w:abstractNum>
  <w:abstractNum w:abstractNumId="3" w15:restartNumberingAfterBreak="0">
    <w:nsid w:val="15EB1574"/>
    <w:multiLevelType w:val="hybridMultilevel"/>
    <w:tmpl w:val="5066AF18"/>
    <w:lvl w:ilvl="0" w:tplc="0409000B">
      <w:start w:val="1"/>
      <w:numFmt w:val="bullet"/>
      <w:lvlText w:val=""/>
      <w:lvlJc w:val="left"/>
      <w:pPr>
        <w:ind w:left="720" w:hanging="360"/>
      </w:pPr>
      <w:rPr>
        <w:rFonts w:ascii="Wingdings" w:hAnsi="Wingdings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23C16112"/>
    <w:multiLevelType w:val="hybridMultilevel"/>
    <w:tmpl w:val="F5460792"/>
    <w:lvl w:ilvl="0" w:tplc="04090003">
      <w:start w:val="1"/>
      <w:numFmt w:val="bullet"/>
      <w:lvlText w:val="o"/>
      <w:lvlJc w:val="left"/>
      <w:pPr>
        <w:ind w:left="720" w:hanging="360"/>
      </w:pPr>
      <w:rPr>
        <w:rFonts w:ascii="Courier New" w:hAnsi="Courier New" w:cs="Courier New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" w15:restartNumberingAfterBreak="0">
    <w:nsid w:val="3D7D19C3"/>
    <w:multiLevelType w:val="hybridMultilevel"/>
    <w:tmpl w:val="2BAE3BDC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6" w15:restartNumberingAfterBreak="0">
    <w:nsid w:val="4AA44766"/>
    <w:multiLevelType w:val="hybridMultilevel"/>
    <w:tmpl w:val="AA785AA6"/>
    <w:lvl w:ilvl="0" w:tplc="F6EEC6B8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1" w:tplc="3D0697D0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2" w:tplc="9A9CBF3C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3" w:tplc="E6FCE94A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4" w:tplc="7756B42A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5" w:tplc="5418B5B8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6" w:tplc="EA4034BE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7" w:tplc="D54EA034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8" w:tplc="7DCA28E0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</w:abstractNum>
  <w:abstractNum w:abstractNumId="7" w15:restartNumberingAfterBreak="0">
    <w:nsid w:val="69426651"/>
    <w:multiLevelType w:val="hybridMultilevel"/>
    <w:tmpl w:val="D8C24014"/>
    <w:lvl w:ilvl="0" w:tplc="04090003">
      <w:start w:val="1"/>
      <w:numFmt w:val="bullet"/>
      <w:lvlText w:val="o"/>
      <w:lvlJc w:val="left"/>
      <w:pPr>
        <w:ind w:left="720" w:hanging="360"/>
      </w:pPr>
      <w:rPr>
        <w:rFonts w:ascii="Courier New" w:hAnsi="Courier New" w:cs="Courier New" w:hint="default"/>
      </w:rPr>
    </w:lvl>
    <w:lvl w:ilvl="1" w:tplc="04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8" w15:restartNumberingAfterBreak="0">
    <w:nsid w:val="6AE82516"/>
    <w:multiLevelType w:val="hybridMultilevel"/>
    <w:tmpl w:val="6568A344"/>
    <w:lvl w:ilvl="0" w:tplc="FFFFFFFF">
      <w:start w:val="1"/>
      <w:numFmt w:val="bullet"/>
      <w:lvlText w:val="o"/>
      <w:lvlJc w:val="left"/>
      <w:pPr>
        <w:ind w:left="720" w:hanging="360"/>
      </w:pPr>
      <w:rPr>
        <w:rFonts w:ascii="Courier New" w:hAnsi="Courier New" w:cs="Courier New" w:hint="default"/>
      </w:rPr>
    </w:lvl>
    <w:lvl w:ilvl="1" w:tplc="04090001">
      <w:start w:val="1"/>
      <w:numFmt w:val="bullet"/>
      <w:lvlText w:val=""/>
      <w:lvlJc w:val="left"/>
      <w:pPr>
        <w:ind w:left="1440" w:hanging="360"/>
      </w:pPr>
      <w:rPr>
        <w:rFonts w:ascii="Symbol" w:hAnsi="Symbol" w:hint="default"/>
      </w:rPr>
    </w:lvl>
    <w:lvl w:ilvl="2" w:tplc="FFFFFFFF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FFFFFFFF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FFFFFFFF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FFFFFFFF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FFFFFFFF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FFFFFFFF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FFFFFFFF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137499056">
    <w:abstractNumId w:val="1"/>
  </w:num>
  <w:num w:numId="2" w16cid:durableId="1293176416">
    <w:abstractNumId w:val="0"/>
  </w:num>
  <w:num w:numId="3" w16cid:durableId="787241002">
    <w:abstractNumId w:val="3"/>
  </w:num>
  <w:num w:numId="4" w16cid:durableId="2030787896">
    <w:abstractNumId w:val="7"/>
  </w:num>
  <w:num w:numId="5" w16cid:durableId="62532077">
    <w:abstractNumId w:val="8"/>
  </w:num>
  <w:num w:numId="6" w16cid:durableId="1897277659">
    <w:abstractNumId w:val="4"/>
  </w:num>
  <w:num w:numId="7" w16cid:durableId="1279264551">
    <w:abstractNumId w:val="6"/>
  </w:num>
  <w:num w:numId="8" w16cid:durableId="904485319">
    <w:abstractNumId w:val="2"/>
  </w:num>
  <w:num w:numId="9" w16cid:durableId="2058772694">
    <w:abstractNumId w:val="5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defaultTabStop w:val="720"/>
  <w:characterSpacingControl w:val="doNotCompress"/>
  <w:hdrShapeDefaults>
    <o:shapedefaults v:ext="edit" spidmax="2050"/>
  </w:hdrShapeDefaults>
  <w:footnotePr>
    <w:footnote w:id="-1"/>
    <w:footnote w:id="0"/>
    <w:footnote w:id="1"/>
  </w:footnotePr>
  <w:endnotePr>
    <w:endnote w:id="-1"/>
    <w:endnote w:id="0"/>
    <w:endnote w:id="1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856361"/>
    <w:rsid w:val="00045DF2"/>
    <w:rsid w:val="00045F78"/>
    <w:rsid w:val="000710CE"/>
    <w:rsid w:val="00072B5B"/>
    <w:rsid w:val="00075530"/>
    <w:rsid w:val="00085F22"/>
    <w:rsid w:val="000931DF"/>
    <w:rsid w:val="000A30B0"/>
    <w:rsid w:val="000A779A"/>
    <w:rsid w:val="000F07F7"/>
    <w:rsid w:val="00107A47"/>
    <w:rsid w:val="00110590"/>
    <w:rsid w:val="00111D2D"/>
    <w:rsid w:val="00115594"/>
    <w:rsid w:val="00116F12"/>
    <w:rsid w:val="00121FF6"/>
    <w:rsid w:val="00135572"/>
    <w:rsid w:val="001470FE"/>
    <w:rsid w:val="001666A5"/>
    <w:rsid w:val="001F3D52"/>
    <w:rsid w:val="00220D5A"/>
    <w:rsid w:val="002265E1"/>
    <w:rsid w:val="00231D08"/>
    <w:rsid w:val="00252C27"/>
    <w:rsid w:val="00263A96"/>
    <w:rsid w:val="002B1F04"/>
    <w:rsid w:val="002E07A0"/>
    <w:rsid w:val="002E174F"/>
    <w:rsid w:val="002E7967"/>
    <w:rsid w:val="0033312A"/>
    <w:rsid w:val="00343201"/>
    <w:rsid w:val="00360D92"/>
    <w:rsid w:val="00372B4A"/>
    <w:rsid w:val="003B30D5"/>
    <w:rsid w:val="003C3E0F"/>
    <w:rsid w:val="003F0980"/>
    <w:rsid w:val="003F20E0"/>
    <w:rsid w:val="00420E78"/>
    <w:rsid w:val="00422CF8"/>
    <w:rsid w:val="004348AA"/>
    <w:rsid w:val="00460742"/>
    <w:rsid w:val="004710D7"/>
    <w:rsid w:val="0049607B"/>
    <w:rsid w:val="004A7EDE"/>
    <w:rsid w:val="004C2392"/>
    <w:rsid w:val="004D4836"/>
    <w:rsid w:val="004F7F7A"/>
    <w:rsid w:val="00505FA2"/>
    <w:rsid w:val="00510E6D"/>
    <w:rsid w:val="00511B70"/>
    <w:rsid w:val="005421CB"/>
    <w:rsid w:val="00553F28"/>
    <w:rsid w:val="00566130"/>
    <w:rsid w:val="0056620A"/>
    <w:rsid w:val="00575FB5"/>
    <w:rsid w:val="00584873"/>
    <w:rsid w:val="00591C3A"/>
    <w:rsid w:val="005A17E0"/>
    <w:rsid w:val="005B1174"/>
    <w:rsid w:val="005B50B4"/>
    <w:rsid w:val="005C1AAC"/>
    <w:rsid w:val="005D0132"/>
    <w:rsid w:val="005E0BCA"/>
    <w:rsid w:val="005E4AA3"/>
    <w:rsid w:val="005E4F68"/>
    <w:rsid w:val="005F5D92"/>
    <w:rsid w:val="00604D86"/>
    <w:rsid w:val="00610C36"/>
    <w:rsid w:val="00615121"/>
    <w:rsid w:val="00646B6D"/>
    <w:rsid w:val="00680970"/>
    <w:rsid w:val="006D39B3"/>
    <w:rsid w:val="006D6785"/>
    <w:rsid w:val="006F2E5A"/>
    <w:rsid w:val="00703CCC"/>
    <w:rsid w:val="00706DC4"/>
    <w:rsid w:val="00721BB4"/>
    <w:rsid w:val="007226C0"/>
    <w:rsid w:val="00734F40"/>
    <w:rsid w:val="0076175C"/>
    <w:rsid w:val="00765BEE"/>
    <w:rsid w:val="00771542"/>
    <w:rsid w:val="00772578"/>
    <w:rsid w:val="007733BC"/>
    <w:rsid w:val="007820C2"/>
    <w:rsid w:val="00782318"/>
    <w:rsid w:val="00783100"/>
    <w:rsid w:val="007A4AB1"/>
    <w:rsid w:val="007A6346"/>
    <w:rsid w:val="007C1BBE"/>
    <w:rsid w:val="007C3665"/>
    <w:rsid w:val="007E132C"/>
    <w:rsid w:val="007E7B08"/>
    <w:rsid w:val="00834CB1"/>
    <w:rsid w:val="00856361"/>
    <w:rsid w:val="008C36B9"/>
    <w:rsid w:val="008F79C0"/>
    <w:rsid w:val="0092451B"/>
    <w:rsid w:val="0093074F"/>
    <w:rsid w:val="009364CC"/>
    <w:rsid w:val="00954B68"/>
    <w:rsid w:val="009A227B"/>
    <w:rsid w:val="009B0978"/>
    <w:rsid w:val="009B53EC"/>
    <w:rsid w:val="009C0E89"/>
    <w:rsid w:val="009E2FD3"/>
    <w:rsid w:val="009F4801"/>
    <w:rsid w:val="009F4D5B"/>
    <w:rsid w:val="00A060AC"/>
    <w:rsid w:val="00A17531"/>
    <w:rsid w:val="00A20801"/>
    <w:rsid w:val="00A41561"/>
    <w:rsid w:val="00A44EE9"/>
    <w:rsid w:val="00A50B94"/>
    <w:rsid w:val="00A70842"/>
    <w:rsid w:val="00A750C5"/>
    <w:rsid w:val="00A90472"/>
    <w:rsid w:val="00AA6C98"/>
    <w:rsid w:val="00AA6D04"/>
    <w:rsid w:val="00AD4C1F"/>
    <w:rsid w:val="00AE31AA"/>
    <w:rsid w:val="00AE6FB9"/>
    <w:rsid w:val="00AF22E1"/>
    <w:rsid w:val="00B21738"/>
    <w:rsid w:val="00B955BC"/>
    <w:rsid w:val="00B979D3"/>
    <w:rsid w:val="00BD043C"/>
    <w:rsid w:val="00BE5643"/>
    <w:rsid w:val="00C02E7C"/>
    <w:rsid w:val="00C20628"/>
    <w:rsid w:val="00C36504"/>
    <w:rsid w:val="00C413C1"/>
    <w:rsid w:val="00C46301"/>
    <w:rsid w:val="00C6068C"/>
    <w:rsid w:val="00C87FB0"/>
    <w:rsid w:val="00CD6DD4"/>
    <w:rsid w:val="00CF758D"/>
    <w:rsid w:val="00D16D57"/>
    <w:rsid w:val="00D47326"/>
    <w:rsid w:val="00D62C96"/>
    <w:rsid w:val="00D70DB9"/>
    <w:rsid w:val="00D77686"/>
    <w:rsid w:val="00D8772A"/>
    <w:rsid w:val="00DA3F68"/>
    <w:rsid w:val="00DA58F9"/>
    <w:rsid w:val="00DC0AE2"/>
    <w:rsid w:val="00DE0DC8"/>
    <w:rsid w:val="00DE19C5"/>
    <w:rsid w:val="00DE2A71"/>
    <w:rsid w:val="00E060C9"/>
    <w:rsid w:val="00E07B7E"/>
    <w:rsid w:val="00E33E7F"/>
    <w:rsid w:val="00E66608"/>
    <w:rsid w:val="00E87B60"/>
    <w:rsid w:val="00EA0EB8"/>
    <w:rsid w:val="00EA63BE"/>
    <w:rsid w:val="00EB5299"/>
    <w:rsid w:val="00EB6C41"/>
    <w:rsid w:val="00EC7466"/>
    <w:rsid w:val="00ED2A60"/>
    <w:rsid w:val="00EF6A06"/>
    <w:rsid w:val="00F1672A"/>
    <w:rsid w:val="00F25421"/>
    <w:rsid w:val="00F30086"/>
    <w:rsid w:val="00F60EDF"/>
    <w:rsid w:val="00F66986"/>
    <w:rsid w:val="00FB003D"/>
    <w:rsid w:val="00FD7673"/>
    <w:rsid w:val="00FF66CD"/>
    <w:rsid w:val="00FF73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5D0C8882"/>
  <w15:chartTrackingRefBased/>
  <w15:docId w15:val="{A01C5F46-1B16-4871-A608-7B78A7EB50E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783100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A750C5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A750C5"/>
  </w:style>
  <w:style w:type="paragraph" w:styleId="Footer">
    <w:name w:val="footer"/>
    <w:basedOn w:val="Normal"/>
    <w:link w:val="FooterChar"/>
    <w:uiPriority w:val="99"/>
    <w:unhideWhenUsed/>
    <w:rsid w:val="00A750C5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A750C5"/>
  </w:style>
  <w:style w:type="character" w:styleId="Hyperlink">
    <w:name w:val="Hyperlink"/>
    <w:basedOn w:val="DefaultParagraphFont"/>
    <w:uiPriority w:val="99"/>
    <w:unhideWhenUsed/>
    <w:rsid w:val="00EC7466"/>
    <w:rPr>
      <w:color w:val="0563C1" w:themeColor="hyperlink"/>
      <w:u w:val="single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EC7466"/>
    <w:rPr>
      <w:color w:val="605E5C"/>
      <w:shd w:val="clear" w:color="auto" w:fill="E1DFDD"/>
    </w:rPr>
  </w:style>
  <w:style w:type="paragraph" w:styleId="BodyText">
    <w:name w:val="Body Text"/>
    <w:basedOn w:val="Normal"/>
    <w:link w:val="BodyTextChar"/>
    <w:uiPriority w:val="1"/>
    <w:qFormat/>
    <w:rsid w:val="000A30B0"/>
    <w:pPr>
      <w:widowControl w:val="0"/>
      <w:autoSpaceDE w:val="0"/>
      <w:autoSpaceDN w:val="0"/>
      <w:spacing w:before="10" w:after="0" w:line="240" w:lineRule="auto"/>
      <w:ind w:left="122"/>
    </w:pPr>
    <w:rPr>
      <w:rFonts w:ascii="Times New Roman" w:eastAsia="Times New Roman" w:hAnsi="Times New Roman" w:cs="Times New Roman"/>
    </w:rPr>
  </w:style>
  <w:style w:type="character" w:customStyle="1" w:styleId="BodyTextChar">
    <w:name w:val="Body Text Char"/>
    <w:basedOn w:val="DefaultParagraphFont"/>
    <w:link w:val="BodyText"/>
    <w:uiPriority w:val="1"/>
    <w:rsid w:val="000A30B0"/>
    <w:rPr>
      <w:rFonts w:ascii="Times New Roman" w:eastAsia="Times New Roman" w:hAnsi="Times New Roman" w:cs="Times New Roman"/>
    </w:rPr>
  </w:style>
  <w:style w:type="character" w:styleId="UnresolvedMention">
    <w:name w:val="Unresolved Mention"/>
    <w:basedOn w:val="DefaultParagraphFont"/>
    <w:uiPriority w:val="99"/>
    <w:semiHidden/>
    <w:unhideWhenUsed/>
    <w:rsid w:val="007A6346"/>
    <w:rPr>
      <w:color w:val="605E5C"/>
      <w:shd w:val="clear" w:color="auto" w:fill="E1DFDD"/>
    </w:rPr>
  </w:style>
  <w:style w:type="paragraph" w:styleId="Revision">
    <w:name w:val="Revision"/>
    <w:hidden/>
    <w:uiPriority w:val="99"/>
    <w:semiHidden/>
    <w:rsid w:val="009B53EC"/>
    <w:pPr>
      <w:spacing w:after="0" w:line="240" w:lineRule="auto"/>
    </w:pPr>
  </w:style>
  <w:style w:type="paragraph" w:styleId="FootnoteText">
    <w:name w:val="footnote text"/>
    <w:basedOn w:val="Normal"/>
    <w:link w:val="FootnoteTextChar"/>
    <w:uiPriority w:val="99"/>
    <w:semiHidden/>
    <w:unhideWhenUsed/>
    <w:rsid w:val="007A4AB1"/>
    <w:pPr>
      <w:spacing w:after="0" w:line="240" w:lineRule="auto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7A4AB1"/>
    <w:rPr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7A4AB1"/>
    <w:rPr>
      <w:vertAlign w:val="superscript"/>
    </w:rPr>
  </w:style>
  <w:style w:type="character" w:styleId="CommentReference">
    <w:name w:val="annotation reference"/>
    <w:basedOn w:val="DefaultParagraphFont"/>
    <w:uiPriority w:val="99"/>
    <w:semiHidden/>
    <w:unhideWhenUsed/>
    <w:rsid w:val="004F7F7A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4F7F7A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4F7F7A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4F7F7A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4F7F7A"/>
    <w:rPr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theme" Target="theme/theme1.xml"/><Relationship Id="rId2" Type="http://schemas.openxmlformats.org/officeDocument/2006/relationships/customXml" Target="../customXml/item2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ntTable" Target="fontTable.xml"/><Relationship Id="rId5" Type="http://schemas.openxmlformats.org/officeDocument/2006/relationships/settings" Target="settings.xml"/><Relationship Id="rId10" Type="http://schemas.openxmlformats.org/officeDocument/2006/relationships/footer" Target="footer1.xml"/><Relationship Id="rId4" Type="http://schemas.openxmlformats.org/officeDocument/2006/relationships/styles" Target="styles.xml"/><Relationship Id="rId9" Type="http://schemas.openxmlformats.org/officeDocument/2006/relationships/header" Target="header1.xml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<?xml version="1.0" encoding="utf-8"?>
<properties xmlns="http://www.imanage.com/work/xmlschema">
  <documentid>MAYOLEGAL!5225305.1</documentid>
  <senderid>GORAJSKI.SARAH@MAYO.EDU</senderid>
  <senderemail>GORAJSKI.SARAH@MAYO.EDU</senderemail>
  <lastmodified>2025-03-19T11:33:00.0000000-05:00</lastmodified>
  <database>MAYOLEGAL</database>
</properties>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3C4ACC6C-B15E-9E4F-AA49-FF610AC37A16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4F416521-1397-4A7E-B3AD-D020CF817534}">
  <ds:schemaRefs>
    <ds:schemaRef ds:uri="http://schemas.openxmlformats.org/officeDocument/2006/bibliography"/>
  </ds:schemaRefs>
</ds:datastoreItem>
</file>

<file path=docMetadata/LabelInfo.xml><?xml version="1.0" encoding="utf-8"?>
<clbl:labelList xmlns:clbl="http://schemas.microsoft.com/office/2020/mipLabelMetadata">
  <clbl:label id="{11372f5f-8e19-4efb-8afe-8eac20a980c4}" enabled="1" method="Standard" siteId="{a25fff9c-3f63-4fb2-9a8a-d9bdd0321f9a}" removed="0"/>
</clbl:labelList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1</Pages>
  <Words>164</Words>
  <Characters>1334</Characters>
  <Application>Microsoft Office Word</Application>
  <DocSecurity>0</DocSecurity>
  <Lines>26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47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Roesner, Brittany R.</dc:creator>
  <cp:keywords/>
  <dc:description/>
  <cp:lastModifiedBy>Vanderboom, Annie K.</cp:lastModifiedBy>
  <cp:revision>3</cp:revision>
  <cp:lastPrinted>2022-03-01T16:10:00Z</cp:lastPrinted>
  <dcterms:created xsi:type="dcterms:W3CDTF">2026-01-02T21:44:00Z</dcterms:created>
  <dcterms:modified xsi:type="dcterms:W3CDTF">2026-01-02T21:4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5225305</vt:lpwstr>
  </property>
</Properties>
</file>